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runssu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schermopname, logo&#10;&#10;Automatisch gegenereerde beschrijving">
            <a:extLst>
              <a:ext uri="{FF2B5EF4-FFF2-40B4-BE49-F238E27FC236}">
                <a16:creationId xmlns:a16="http://schemas.microsoft.com/office/drawing/2014/main" id="{3A67643E-FBA3-1C5E-E2C0-B164772196C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4928" y="4844750"/>
            <a:ext cx="2151901" cy="178177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8A39B688-5047-A28F-44B3-03CFBC06A7E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1598" y="4146249"/>
            <a:ext cx="1468377" cy="121581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2-02T14:24:19Z</dcterms:modified>
</cp:coreProperties>
</file>